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4_大田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2" uniqueCount="749">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井上眼科医院</t>
    <phoneticPr fontId="3"/>
  </si>
  <si>
    <t>〒694-0064 島根県大田市大田町大田イ192-15</t>
    <phoneticPr fontId="3"/>
  </si>
  <si>
    <t>〇</t>
  </si>
  <si>
    <t>眼科</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50353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2</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2</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2</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2</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2</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1</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1</v>
      </c>
      <c r="K171" s="118" t="str">
        <f t="shared" ref="K171:K186" si="2">IF(OR(COUNTIF(L171:O171,"未確認")&gt;0,COUNTIF(L171:O171,"*")&gt;0),"※","")</f>
        <v/>
      </c>
      <c r="L171" s="212">
        <v>0</v>
      </c>
      <c r="M171" s="212">
        <v>0</v>
      </c>
      <c r="N171" s="212">
        <v>1</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v>0</v>
      </c>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3</v>
      </c>
      <c r="K173" s="118" t="str">
        <f t="shared" si="2"/>
        <v/>
      </c>
      <c r="L173" s="212">
        <v>1</v>
      </c>
      <c r="M173" s="212">
        <v>0</v>
      </c>
      <c r="N173" s="212">
        <v>2</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v>0</v>
      </c>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v>0</v>
      </c>
      <c r="M175" s="212">
        <v>0</v>
      </c>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v>0</v>
      </c>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1</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746</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103</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231</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103</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103</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101</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2</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103</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101</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2</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103</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103</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t="s">
        <v>748</v>
      </c>
      <c r="K472" s="118" t="str">
        <f t="shared" si="9"/>
        <v>※</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t="s">
        <v>748</v>
      </c>
      <c r="K474" s="118" t="str">
        <f t="shared" si="9"/>
        <v>※</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4:14Z</dcterms:modified>
</cp:coreProperties>
</file>